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plusieurs pays, les exigences de ces programmes peuvent varier considérablement d'un pays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s scénario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xigence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le DHIS2 dans tous les domaines pour lesquels le modèle de données DHIS2 peut être appliqué. Comme vous l'avez appris dans le cours sur "Introduction à DHIS2", ce modèle de données est basé sur la capture de valeurs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diversité illimitée de cas d'utilisation. Le système doit être personnalisé en fonction des besoins de chaque implémentation spécifique pour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Ainsi, chaque pays ou organisation peut disposer de son propre système DHIS2, adapté au contexte unique dans lequel il opère et personnalisé pour répondre à ses besoins.</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configur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de configuration. Mais que signifie le terme "configur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implémentations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immunis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sur un appareil mobile ou 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sont nécessaires pour chaque contexte ce qui permet de faciliter les tâches telles que l'analyse des données, le suivi des patients,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 la</a:t>
            </a:r>
          </a:p>
          <a:p txid="9b0642494cfdc78a4b035d4bccdd98c1">
            <a:r>
              <a:rPr lang="en-US"/>
              <a:t>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exigence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s scénario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personnalisé selon les besoins de chaque implémentation spécifiqu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basés sur l'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configur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configur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